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63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1E32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2548BB9-806D-4A35-9A4E-4B081785A88E}" v="56" dt="2024-02-19T09:02:31.99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50" d="100"/>
          <a:sy n="150" d="100"/>
        </p:scale>
        <p:origin x="576" y="12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8/10/relationships/authors" Target="authors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9/0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2/19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soc/#tab-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 descr="A building with a pool and a door&#10;&#10;Description automatically generated">
            <a:extLst>
              <a:ext uri="{FF2B5EF4-FFF2-40B4-BE49-F238E27FC236}">
                <a16:creationId xmlns:a16="http://schemas.microsoft.com/office/drawing/2014/main" id="{E83D63EE-C9E1-E9AE-DEFA-EF166643BDF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ZoneTexte 4">
            <a:extLst>
              <a:ext uri="{FF2B5EF4-FFF2-40B4-BE49-F238E27FC236}">
                <a16:creationId xmlns:a16="http://schemas.microsoft.com/office/drawing/2014/main" id="{EFFD6177-1962-5FB6-5FBB-904E0EDBE88F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SOC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SO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D31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D31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D4B6E155-ACF8-2210-8273-6CB797EF1B08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87E3E07A-E501-7FFA-D80B-12CF402DE2F3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srgbClr val="1D31FA"/>
                </a:solidFill>
                <a:latin typeface="Aktiv Grotesk"/>
              </a:rPr>
              <a:t>#IATAWSOC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10C0E971-C77B-CCDF-EC58-A64D9CF3478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01050" y="3707847"/>
            <a:ext cx="4189899" cy="2361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4B3C006-FB80-C4A2-BB3F-5B7E11F8562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270249"/>
            <a:ext cx="4673599" cy="4679202"/>
          </a:xfrm>
        </p:spPr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>Macarena Losada</DisplayName>
        <AccountId>87</AccountId>
        <AccountType/>
      </UserInfo>
    </SharedWithUsers>
    <Teammemberincharge xmlns="4ffaaae9-dc8c-459f-a92e-1529c78bcbdb" xsi:nil="true"/>
    <MediaLengthInSeconds xmlns="4ffaaae9-dc8c-459f-a92e-1529c78bcbdb" xsi:nil="true"/>
  </documentManagement>
</p:properties>
</file>

<file path=customXml/itemProps1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FBE51D6-1628-441B-A5D0-C1EE71ED525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98825FB-E388-4F1F-8116-2A8A65DD839A}">
  <ds:schemaRefs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documentManagement/types"/>
    <ds:schemaRef ds:uri="http://schemas.openxmlformats.org/package/2006/metadata/core-properties"/>
    <ds:schemaRef ds:uri="da655568-1247-43c7-b5ce-0d71de2fb494"/>
    <ds:schemaRef ds:uri="86e16ca4-215f-4354-b2b5-4fac53992da1"/>
    <ds:schemaRef ds:uri="http://purl.org/dc/terms/"/>
    <ds:schemaRef ds:uri="4ffaaae9-dc8c-459f-a92e-1529c78bcbdb"/>
    <ds:schemaRef ds:uri="http://schemas.microsoft.com/office/2006/metadata/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21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Nataly Echezuria</cp:lastModifiedBy>
  <cp:revision>3</cp:revision>
  <dcterms:created xsi:type="dcterms:W3CDTF">2021-04-21T15:11:41Z</dcterms:created>
  <dcterms:modified xsi:type="dcterms:W3CDTF">2024-02-19T09:03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r8>299200</vt:r8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